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4"/>
  </p:notesMasterIdLst>
  <p:sldIdLst>
    <p:sldId id="256" r:id="rId2"/>
    <p:sldId id="258" r:id="rId3"/>
    <p:sldId id="276" r:id="rId4"/>
    <p:sldId id="259" r:id="rId5"/>
    <p:sldId id="260" r:id="rId6"/>
    <p:sldId id="264" r:id="rId7"/>
    <p:sldId id="262" r:id="rId8"/>
    <p:sldId id="261" r:id="rId9"/>
    <p:sldId id="274" r:id="rId10"/>
    <p:sldId id="275" r:id="rId11"/>
    <p:sldId id="268" r:id="rId12"/>
    <p:sldId id="272" r:id="rId1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43B51F"/>
    <a:srgbClr val="A6FA67"/>
    <a:srgbClr val="00CC00"/>
    <a:srgbClr val="33CC33"/>
    <a:srgbClr val="FFFF99"/>
    <a:srgbClr val="CCCCFF"/>
    <a:srgbClr val="FFCC99"/>
    <a:srgbClr val="99FFCC"/>
    <a:srgbClr val="93CCDD"/>
    <a:srgbClr val="FF993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574" autoAdjust="0"/>
    <p:restoredTop sz="94280" autoAdjust="0"/>
  </p:normalViewPr>
  <p:slideViewPr>
    <p:cSldViewPr snapToGrid="0">
      <p:cViewPr varScale="1">
        <p:scale>
          <a:sx n="65" d="100"/>
          <a:sy n="65" d="100"/>
        </p:scale>
        <p:origin x="954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3828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9F8BD0-CA6B-4BF6-92AC-75BFA8410DA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AE170BB-555C-433A-811A-C460ED34811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499333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ru-RU"/>
              <a:t>Образец подзаголовка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75890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27750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04363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6647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57854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671620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01046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80232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61454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96985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39145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/>
              <a:t>Образец заголовка</a:t>
            </a:r>
            <a:endParaRPr lang="en-US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727C59-025E-4BC0-BF9B-87C8D1A0DDC5}" type="datetimeFigureOut">
              <a:rPr lang="en-US" smtClean="0"/>
              <a:t>3/25/2016</a:t>
            </a:fld>
            <a:endParaRPr lang="en-US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481BFE-28E4-46CD-8FF7-66192E931F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66870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7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hyperlink" Target="http://vk.com/id160139868" TargetMode="Externa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673"/>
            <a:ext cx="12192000" cy="6854653"/>
          </a:xfrm>
          <a:prstGeom prst="rect">
            <a:avLst/>
          </a:prstGeom>
        </p:spPr>
      </p:pic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sz="72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SmartBin</a:t>
            </a:r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524000" y="3392306"/>
            <a:ext cx="9144000" cy="1655762"/>
          </a:xfrm>
        </p:spPr>
        <p:txBody>
          <a:bodyPr>
            <a:normAutofit/>
          </a:bodyPr>
          <a:lstStyle/>
          <a:p>
            <a:r>
              <a:rPr lang="en-US" sz="3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Pretty. Smart. Useful</a:t>
            </a:r>
          </a:p>
        </p:txBody>
      </p:sp>
    </p:spTree>
    <p:extLst>
      <p:ext uri="{BB962C8B-B14F-4D97-AF65-F5344CB8AC3E}">
        <p14:creationId xmlns:p14="http://schemas.microsoft.com/office/powerpoint/2010/main" val="427162401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6096000" y="1360557"/>
            <a:ext cx="60960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Продажі онлайн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285416" y="231984"/>
            <a:ext cx="2202847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Продаж</a:t>
            </a:r>
          </a:p>
        </p:txBody>
      </p:sp>
      <p:pic>
        <p:nvPicPr>
          <p:cNvPr id="6" name="Рисунок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373822" y="1407214"/>
            <a:ext cx="8765629" cy="4928259"/>
          </a:xfrm>
          <a:prstGeom prst="rect">
            <a:avLst/>
          </a:prstGeom>
        </p:spPr>
      </p:pic>
      <p:pic>
        <p:nvPicPr>
          <p:cNvPr id="7" name="Рисунок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6096000" y="4481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Магазини, спеціалізовані на електроніці</a:t>
            </a:r>
          </a:p>
        </p:txBody>
      </p:sp>
    </p:spTree>
    <p:extLst>
      <p:ext uri="{BB962C8B-B14F-4D97-AF65-F5344CB8AC3E}">
        <p14:creationId xmlns:p14="http://schemas.microsoft.com/office/powerpoint/2010/main" val="310795060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5195944" y="346749"/>
            <a:ext cx="1784463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Плани</a:t>
            </a:r>
          </a:p>
        </p:txBody>
      </p:sp>
      <p:cxnSp>
        <p:nvCxnSpPr>
          <p:cNvPr id="3" name="OTLSHAPE_T_7f081f5839a84fabb41cd0c6c57e232c_HorizontalConnector1"/>
          <p:cNvCxnSpPr>
            <a:stCxn id="33" idx="3"/>
          </p:cNvCxnSpPr>
          <p:nvPr>
            <p:custDataLst>
              <p:tags r:id="rId1"/>
            </p:custDataLst>
          </p:nvPr>
        </p:nvCxnSpPr>
        <p:spPr>
          <a:xfrm>
            <a:off x="1322024" y="4545339"/>
            <a:ext cx="874582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4b04226ead864c75875b71232dce17a6_HorizontalConnector1"/>
          <p:cNvCxnSpPr>
            <a:stCxn id="30" idx="3"/>
          </p:cNvCxnSpPr>
          <p:nvPr>
            <p:custDataLst>
              <p:tags r:id="rId2"/>
            </p:custDataLst>
          </p:nvPr>
        </p:nvCxnSpPr>
        <p:spPr>
          <a:xfrm>
            <a:off x="1310535" y="4034302"/>
            <a:ext cx="123047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2dcb08addf4847f795a0f5317d413b85_HorizontalConnector1"/>
          <p:cNvCxnSpPr>
            <a:stCxn id="27" idx="3"/>
          </p:cNvCxnSpPr>
          <p:nvPr>
            <p:custDataLst>
              <p:tags r:id="rId3"/>
            </p:custDataLst>
          </p:nvPr>
        </p:nvCxnSpPr>
        <p:spPr>
          <a:xfrm>
            <a:off x="1696063" y="3560159"/>
            <a:ext cx="5280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450235" y="261227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7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11543769" y="261227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8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1066100" y="2561303"/>
            <a:ext cx="10337800" cy="381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ElapsedTime"/>
          <p:cNvSpPr/>
          <p:nvPr>
            <p:custDataLst>
              <p:tags r:id="rId7"/>
            </p:custDataLst>
          </p:nvPr>
        </p:nvSpPr>
        <p:spPr>
          <a:xfrm>
            <a:off x="1066100" y="2866103"/>
            <a:ext cx="965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odayMarkerShape"/>
          <p:cNvSpPr/>
          <p:nvPr>
            <p:custDataLst>
              <p:tags r:id="rId8"/>
            </p:custDataLst>
          </p:nvPr>
        </p:nvSpPr>
        <p:spPr>
          <a:xfrm>
            <a:off x="1968797" y="294230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TB_00000000000000000000000000000000_TodayMarkerText"/>
          <p:cNvSpPr txBox="1"/>
          <p:nvPr>
            <p:custDataLst>
              <p:tags r:id="rId9"/>
            </p:custDataLst>
          </p:nvPr>
        </p:nvSpPr>
        <p:spPr>
          <a:xfrm>
            <a:off x="1843097" y="306930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1129600" y="265877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03</a:t>
            </a:r>
          </a:p>
        </p:txBody>
      </p:sp>
      <p:cxnSp>
        <p:nvCxnSpPr>
          <p:cNvPr id="13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2561816" y="265020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2625317" y="265877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04</a:t>
            </a:r>
          </a:p>
        </p:txBody>
      </p:sp>
      <p:cxnSp>
        <p:nvCxnSpPr>
          <p:cNvPr id="15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4009284" y="265020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4072785" y="265877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05</a:t>
            </a:r>
          </a:p>
        </p:txBody>
      </p:sp>
      <p:cxnSp>
        <p:nvCxnSpPr>
          <p:cNvPr id="17" name="OTLSHAPE_TB_00000000000000000000000000000000_Separator3"/>
          <p:cNvCxnSpPr/>
          <p:nvPr>
            <p:custDataLst>
              <p:tags r:id="rId15"/>
            </p:custDataLst>
          </p:nvPr>
        </p:nvCxnSpPr>
        <p:spPr>
          <a:xfrm>
            <a:off x="5505001" y="265020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5568501" y="265877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06</a:t>
            </a:r>
          </a:p>
        </p:txBody>
      </p:sp>
      <p:cxnSp>
        <p:nvCxnSpPr>
          <p:cNvPr id="19" name="OTLSHAPE_TB_00000000000000000000000000000000_Separator4"/>
          <p:cNvCxnSpPr/>
          <p:nvPr>
            <p:custDataLst>
              <p:tags r:id="rId17"/>
            </p:custDataLst>
          </p:nvPr>
        </p:nvCxnSpPr>
        <p:spPr>
          <a:xfrm>
            <a:off x="6952468" y="265020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7015969" y="265877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07</a:t>
            </a:r>
          </a:p>
        </p:txBody>
      </p:sp>
      <p:cxnSp>
        <p:nvCxnSpPr>
          <p:cNvPr id="21" name="OTLSHAPE_TB_00000000000000000000000000000000_Separator5"/>
          <p:cNvCxnSpPr/>
          <p:nvPr>
            <p:custDataLst>
              <p:tags r:id="rId19"/>
            </p:custDataLst>
          </p:nvPr>
        </p:nvCxnSpPr>
        <p:spPr>
          <a:xfrm>
            <a:off x="8448186" y="265020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6"/>
          <p:cNvSpPr txBox="1"/>
          <p:nvPr>
            <p:custDataLst>
              <p:tags r:id="rId20"/>
            </p:custDataLst>
          </p:nvPr>
        </p:nvSpPr>
        <p:spPr>
          <a:xfrm>
            <a:off x="8511686" y="265877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08</a:t>
            </a:r>
          </a:p>
        </p:txBody>
      </p:sp>
      <p:cxnSp>
        <p:nvCxnSpPr>
          <p:cNvPr id="23" name="OTLSHAPE_TB_00000000000000000000000000000000_Separator6"/>
          <p:cNvCxnSpPr/>
          <p:nvPr>
            <p:custDataLst>
              <p:tags r:id="rId21"/>
            </p:custDataLst>
          </p:nvPr>
        </p:nvCxnSpPr>
        <p:spPr>
          <a:xfrm>
            <a:off x="9943902" y="265020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7"/>
          <p:cNvSpPr txBox="1"/>
          <p:nvPr>
            <p:custDataLst>
              <p:tags r:id="rId22"/>
            </p:custDataLst>
          </p:nvPr>
        </p:nvSpPr>
        <p:spPr>
          <a:xfrm>
            <a:off x="10007403" y="265877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09</a:t>
            </a:r>
          </a:p>
        </p:txBody>
      </p:sp>
      <p:sp>
        <p:nvSpPr>
          <p:cNvPr id="25" name="OTLSHAPE_T_2dcb08addf4847f795a0f5317d413b85_Shape"/>
          <p:cNvSpPr/>
          <p:nvPr>
            <p:custDataLst>
              <p:tags r:id="rId23"/>
            </p:custDataLst>
          </p:nvPr>
        </p:nvSpPr>
        <p:spPr>
          <a:xfrm>
            <a:off x="2224075" y="3458558"/>
            <a:ext cx="1790700" cy="203200"/>
          </a:xfrm>
          <a:prstGeom prst="rect">
            <a:avLst/>
          </a:prstGeom>
          <a:solidFill>
            <a:srgbClr val="FD252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T_2dcb08addf4847f795a0f5317d413b85_JoinedDate"/>
          <p:cNvSpPr txBox="1"/>
          <p:nvPr>
            <p:custDataLst>
              <p:tags r:id="rId24"/>
            </p:custDataLst>
          </p:nvPr>
        </p:nvSpPr>
        <p:spPr>
          <a:xfrm>
            <a:off x="4060085" y="3313937"/>
            <a:ext cx="1206500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spc="-6" dirty="0">
                <a:solidFill>
                  <a:srgbClr val="1F497E"/>
                </a:solidFill>
                <a:latin typeface="Calibri" panose="020F0502020204030204" pitchFamily="34" charset="0"/>
              </a:rPr>
              <a:t>3/25/2016 - 4/30/2016</a:t>
            </a:r>
          </a:p>
        </p:txBody>
      </p:sp>
      <p:sp>
        <p:nvSpPr>
          <p:cNvPr id="27" name="OTLSHAPE_T_2dcb08addf4847f795a0f5317d413b85_Title"/>
          <p:cNvSpPr txBox="1"/>
          <p:nvPr>
            <p:custDataLst>
              <p:tags r:id="rId25"/>
            </p:custDataLst>
          </p:nvPr>
        </p:nvSpPr>
        <p:spPr>
          <a:xfrm>
            <a:off x="259734" y="3421659"/>
            <a:ext cx="143632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uk-UA" b="1" spc="-6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Набір команди </a:t>
            </a:r>
          </a:p>
        </p:txBody>
      </p:sp>
      <p:sp>
        <p:nvSpPr>
          <p:cNvPr id="28" name="OTLSHAPE_T_4b04226ead864c75875b71232dce17a6_Shape"/>
          <p:cNvSpPr/>
          <p:nvPr>
            <p:custDataLst>
              <p:tags r:id="rId26"/>
            </p:custDataLst>
          </p:nvPr>
        </p:nvSpPr>
        <p:spPr>
          <a:xfrm>
            <a:off x="2541013" y="3932701"/>
            <a:ext cx="73914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_4b04226ead864c75875b71232dce17a6_JoinedDate"/>
          <p:cNvSpPr txBox="1"/>
          <p:nvPr>
            <p:custDataLst>
              <p:tags r:id="rId27"/>
            </p:custDataLst>
          </p:nvPr>
        </p:nvSpPr>
        <p:spPr>
          <a:xfrm>
            <a:off x="9973899" y="3788080"/>
            <a:ext cx="1130300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spc="-6" dirty="0">
                <a:solidFill>
                  <a:srgbClr val="1F497E"/>
                </a:solidFill>
                <a:latin typeface="Calibri" panose="020F0502020204030204" pitchFamily="34" charset="0"/>
              </a:rPr>
              <a:t>4/1/2016 - 8/31/2016</a:t>
            </a:r>
          </a:p>
        </p:txBody>
      </p:sp>
      <p:sp>
        <p:nvSpPr>
          <p:cNvPr id="30" name="OTLSHAPE_T_4b04226ead864c75875b71232dce17a6_Title"/>
          <p:cNvSpPr txBox="1"/>
          <p:nvPr>
            <p:custDataLst>
              <p:tags r:id="rId28"/>
            </p:custDataLst>
          </p:nvPr>
        </p:nvSpPr>
        <p:spPr>
          <a:xfrm>
            <a:off x="238930" y="3757303"/>
            <a:ext cx="1071605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uk-UA" b="1" spc="-8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Розробка, модель </a:t>
            </a:r>
          </a:p>
        </p:txBody>
      </p:sp>
      <p:sp>
        <p:nvSpPr>
          <p:cNvPr id="31" name="OTLSHAPE_T_7f081f5839a84fabb41cd0c6c57e232c_Shape"/>
          <p:cNvSpPr/>
          <p:nvPr>
            <p:custDataLst>
              <p:tags r:id="rId29"/>
            </p:custDataLst>
          </p:nvPr>
        </p:nvSpPr>
        <p:spPr>
          <a:xfrm>
            <a:off x="10007403" y="4452577"/>
            <a:ext cx="3429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T_7f081f5839a84fabb41cd0c6c57e232c_JoinedDate"/>
          <p:cNvSpPr txBox="1"/>
          <p:nvPr>
            <p:custDataLst>
              <p:tags r:id="rId30"/>
            </p:custDataLst>
          </p:nvPr>
        </p:nvSpPr>
        <p:spPr>
          <a:xfrm>
            <a:off x="10395946" y="4307956"/>
            <a:ext cx="1130300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spc="-6" dirty="0">
                <a:solidFill>
                  <a:srgbClr val="1F497E"/>
                </a:solidFill>
                <a:latin typeface="Calibri" panose="020F0502020204030204" pitchFamily="34" charset="0"/>
              </a:rPr>
              <a:t>9/4/2016 - 9/10/2016</a:t>
            </a:r>
          </a:p>
        </p:txBody>
      </p:sp>
      <p:sp>
        <p:nvSpPr>
          <p:cNvPr id="33" name="OTLSHAPE_T_7f081f5839a84fabb41cd0c6c57e232c_Title"/>
          <p:cNvSpPr txBox="1"/>
          <p:nvPr>
            <p:custDataLst>
              <p:tags r:id="rId31"/>
            </p:custDataLst>
          </p:nvPr>
        </p:nvSpPr>
        <p:spPr>
          <a:xfrm>
            <a:off x="238930" y="4406839"/>
            <a:ext cx="1083094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8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Kickstarter</a:t>
            </a:r>
          </a:p>
        </p:txBody>
      </p:sp>
    </p:spTree>
    <p:extLst>
      <p:ext uri="{BB962C8B-B14F-4D97-AF65-F5344CB8AC3E}">
        <p14:creationId xmlns:p14="http://schemas.microsoft.com/office/powerpoint/2010/main" val="268240663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6FA6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/>
          <p:cNvSpPr/>
          <p:nvPr/>
        </p:nvSpPr>
        <p:spPr>
          <a:xfrm>
            <a:off x="7938655" y="0"/>
            <a:ext cx="425334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extBox 1"/>
          <p:cNvSpPr txBox="1"/>
          <p:nvPr/>
        </p:nvSpPr>
        <p:spPr>
          <a:xfrm>
            <a:off x="8822839" y="1486596"/>
            <a:ext cx="2484976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Контакти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975234" y="2543926"/>
            <a:ext cx="5700600" cy="110799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Дякую за увагу!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2258438" y="3421089"/>
            <a:ext cx="313419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2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Будь-ласка запитання  </a:t>
            </a:r>
          </a:p>
        </p:txBody>
      </p:sp>
      <p:pic>
        <p:nvPicPr>
          <p:cNvPr id="6" name="Рисунок 5">
            <a:hlinkClick r:id="rId2"/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945" t="-4963"/>
          <a:stretch/>
        </p:blipFill>
        <p:spPr>
          <a:xfrm>
            <a:off x="8194640" y="3029253"/>
            <a:ext cx="463382" cy="485044"/>
          </a:xfrm>
          <a:prstGeom prst="rect">
            <a:avLst/>
          </a:prstGeom>
        </p:spPr>
      </p:pic>
      <p:pic>
        <p:nvPicPr>
          <p:cNvPr id="11" name="Рисунок 10"/>
          <p:cNvPicPr>
            <a:picLocks noChangeAspect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451" r="10614" b="26250"/>
          <a:stretch/>
        </p:blipFill>
        <p:spPr>
          <a:xfrm>
            <a:off x="8194640" y="3722050"/>
            <a:ext cx="439492" cy="322112"/>
          </a:xfrm>
          <a:prstGeom prst="rect">
            <a:avLst/>
          </a:prstGeom>
        </p:spPr>
      </p:pic>
      <p:sp>
        <p:nvSpPr>
          <p:cNvPr id="12" name="Прямоугольник 11"/>
          <p:cNvSpPr/>
          <p:nvPr/>
        </p:nvSpPr>
        <p:spPr>
          <a:xfrm>
            <a:off x="8822839" y="3075762"/>
            <a:ext cx="241848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i="1" dirty="0">
                <a:solidFill>
                  <a:schemeClr val="accent1">
                    <a:lumMod val="75000"/>
                  </a:schemeClr>
                </a:solidFill>
              </a:rPr>
              <a:t>vk.com/id160139868</a:t>
            </a:r>
            <a:endParaRPr lang="ru-RU" sz="2000" i="1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15" name="Прямоугольник 14"/>
          <p:cNvSpPr/>
          <p:nvPr/>
        </p:nvSpPr>
        <p:spPr>
          <a:xfrm>
            <a:off x="8783291" y="3682699"/>
            <a:ext cx="3303084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i="1" dirty="0">
                <a:solidFill>
                  <a:schemeClr val="accent3">
                    <a:lumMod val="75000"/>
                  </a:schemeClr>
                </a:solidFill>
              </a:rPr>
              <a:t>fedorenkoalex23@gmail.com</a:t>
            </a:r>
            <a:endParaRPr lang="ru-RU" sz="2000" i="1" dirty="0">
              <a:solidFill>
                <a:schemeClr val="accent3">
                  <a:lumMod val="75000"/>
                </a:schemeClr>
              </a:solidFill>
            </a:endParaRPr>
          </a:p>
        </p:txBody>
      </p:sp>
      <p:pic>
        <p:nvPicPr>
          <p:cNvPr id="3" name="Рисунок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1105" y="4251915"/>
            <a:ext cx="526562" cy="526562"/>
          </a:xfrm>
          <a:prstGeom prst="rect">
            <a:avLst/>
          </a:prstGeom>
        </p:spPr>
      </p:pic>
      <p:sp>
        <p:nvSpPr>
          <p:cNvPr id="16" name="Прямоугольник 15"/>
          <p:cNvSpPr/>
          <p:nvPr/>
        </p:nvSpPr>
        <p:spPr>
          <a:xfrm>
            <a:off x="8783291" y="4315141"/>
            <a:ext cx="2303836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uk-UA" sz="2000" b="1" i="1" dirty="0">
                <a:solidFill>
                  <a:srgbClr val="43B51F"/>
                </a:solidFill>
              </a:rPr>
              <a:t>+38 (</a:t>
            </a:r>
            <a:r>
              <a:rPr lang="en-US" sz="2000" b="1" i="1" dirty="0">
                <a:solidFill>
                  <a:srgbClr val="43B51F"/>
                </a:solidFill>
              </a:rPr>
              <a:t>099</a:t>
            </a:r>
            <a:r>
              <a:rPr lang="uk-UA" sz="2000" b="1" i="1" dirty="0">
                <a:solidFill>
                  <a:srgbClr val="43B51F"/>
                </a:solidFill>
              </a:rPr>
              <a:t>) </a:t>
            </a:r>
            <a:r>
              <a:rPr lang="en-US" sz="2000" b="1" i="1" dirty="0">
                <a:solidFill>
                  <a:srgbClr val="43B51F"/>
                </a:solidFill>
              </a:rPr>
              <a:t>569</a:t>
            </a:r>
            <a:r>
              <a:rPr lang="uk-UA" sz="2000" b="1" i="1" dirty="0">
                <a:solidFill>
                  <a:srgbClr val="43B51F"/>
                </a:solidFill>
              </a:rPr>
              <a:t>-</a:t>
            </a:r>
            <a:r>
              <a:rPr lang="en-US" sz="2000" b="1" i="1" dirty="0">
                <a:solidFill>
                  <a:srgbClr val="43B51F"/>
                </a:solidFill>
              </a:rPr>
              <a:t>59</a:t>
            </a:r>
            <a:r>
              <a:rPr lang="uk-UA" sz="2000" b="1" i="1" dirty="0">
                <a:solidFill>
                  <a:srgbClr val="43B51F"/>
                </a:solidFill>
              </a:rPr>
              <a:t>-</a:t>
            </a:r>
            <a:r>
              <a:rPr lang="en-US" sz="2000" b="1" i="1" dirty="0">
                <a:solidFill>
                  <a:srgbClr val="43B51F"/>
                </a:solidFill>
              </a:rPr>
              <a:t>13</a:t>
            </a:r>
            <a:endParaRPr lang="ru-RU" sz="2000" i="1" dirty="0">
              <a:solidFill>
                <a:srgbClr val="43B51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4061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6FA6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2" y="0"/>
            <a:ext cx="4655128" cy="6858000"/>
            <a:chOff x="7536872" y="0"/>
            <a:chExt cx="4655128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6" y="1027329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6" name="TextBox 5"/>
          <p:cNvSpPr txBox="1"/>
          <p:nvPr/>
        </p:nvSpPr>
        <p:spPr>
          <a:xfrm>
            <a:off x="8901544" y="581890"/>
            <a:ext cx="2646443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Система заміни сміттєвих пакетів</a:t>
            </a:r>
            <a:endParaRPr lang="en-US" sz="2600" b="1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48934" y="0"/>
            <a:ext cx="3866029" cy="6858000"/>
          </a:xfrm>
          <a:prstGeom prst="rect">
            <a:avLst/>
          </a:prstGeom>
        </p:spPr>
      </p:pic>
      <p:pic>
        <p:nvPicPr>
          <p:cNvPr id="9" name="Рисунок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8809" y="0"/>
            <a:ext cx="6858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26792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CCC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239246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pic>
        <p:nvPicPr>
          <p:cNvPr id="8" name="Рисунок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566" t="47131" r="6712"/>
          <a:stretch/>
        </p:blipFill>
        <p:spPr>
          <a:xfrm rot="20845907">
            <a:off x="-820968" y="-1197058"/>
            <a:ext cx="6324685" cy="4400552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8901544" y="581890"/>
            <a:ext cx="2631695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75000"/>
                  </a:schemeClr>
                </a:solidFill>
              </a:rPr>
              <a:t>Система заміни  сміттєвих пакетів</a:t>
            </a:r>
            <a:endParaRPr lang="en-US" sz="2600" b="1" dirty="0">
              <a:solidFill>
                <a:schemeClr val="bg1">
                  <a:lumMod val="75000"/>
                </a:schemeClr>
              </a:solidFill>
            </a:endParaRPr>
          </a:p>
        </p:txBody>
      </p:sp>
      <p:pic>
        <p:nvPicPr>
          <p:cNvPr id="6" name="Рисунок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63015" y="1749973"/>
            <a:ext cx="5974749" cy="4836702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8901542" y="2136337"/>
            <a:ext cx="2971141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Функція прибирання</a:t>
            </a:r>
          </a:p>
        </p:txBody>
      </p:sp>
    </p:spTree>
    <p:extLst>
      <p:ext uri="{BB962C8B-B14F-4D97-AF65-F5344CB8AC3E}">
        <p14:creationId xmlns:p14="http://schemas.microsoft.com/office/powerpoint/2010/main" val="40492040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97DE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68" y="0"/>
            <a:ext cx="4655132" cy="6858000"/>
            <a:chOff x="7536868" y="0"/>
            <a:chExt cx="4655132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2" y="387443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2" name="Рисунок 1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9762" t="1970" r="5883" b="21544"/>
          <a:stretch/>
        </p:blipFill>
        <p:spPr>
          <a:xfrm>
            <a:off x="-283779" y="-180254"/>
            <a:ext cx="7259542" cy="7038254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8901542" y="3428999"/>
            <a:ext cx="2327565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2">
                    <a:lumMod val="25000"/>
                  </a:schemeClr>
                </a:solidFill>
              </a:rPr>
              <a:t>Відкривається завдяки датчику </a:t>
            </a:r>
            <a:endParaRPr lang="en-US" sz="2600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8901542" y="2136337"/>
            <a:ext cx="2971141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75000"/>
                  </a:schemeClr>
                </a:solidFill>
              </a:rPr>
              <a:t>Функція прибирання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8901544" y="581890"/>
            <a:ext cx="2631695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75000"/>
                  </a:schemeClr>
                </a:solidFill>
              </a:rPr>
              <a:t>Система заміни  сміттєвих пакетів</a:t>
            </a:r>
            <a:endParaRPr lang="en-US" sz="2600" b="1" dirty="0">
              <a:solidFill>
                <a:schemeClr val="bg1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75134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BED6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68" y="0"/>
            <a:ext cx="4655132" cy="6858000"/>
            <a:chOff x="7536868" y="0"/>
            <a:chExt cx="4655132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2" y="5424051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901542" y="3428999"/>
            <a:ext cx="2327565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75000"/>
                  </a:schemeClr>
                </a:solidFill>
              </a:rPr>
              <a:t>Відкривається завдяки датчику</a:t>
            </a:r>
            <a:endParaRPr lang="en-US" sz="2600" b="1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8901543" y="5178666"/>
            <a:ext cx="2602200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Має власну програму 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8901542" y="2136337"/>
            <a:ext cx="2971141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75000"/>
                  </a:schemeClr>
                </a:solidFill>
              </a:rPr>
              <a:t>Функція прибирання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8901544" y="581890"/>
            <a:ext cx="2631695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2600" b="1" dirty="0">
                <a:solidFill>
                  <a:schemeClr val="bg1">
                    <a:lumMod val="75000"/>
                  </a:schemeClr>
                </a:solidFill>
              </a:rPr>
              <a:t>Система заміни  сміттєвих пакетів</a:t>
            </a:r>
            <a:endParaRPr lang="en-US" sz="2600" b="1" dirty="0">
              <a:solidFill>
                <a:schemeClr val="bg1">
                  <a:lumMod val="75000"/>
                </a:schemeClr>
              </a:solidFill>
            </a:endParaRPr>
          </a:p>
        </p:txBody>
      </p:sp>
      <p:pic>
        <p:nvPicPr>
          <p:cNvPr id="6" name="Рисунок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44202" y="381380"/>
            <a:ext cx="3238095" cy="60952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8472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CC6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Группа 4"/>
          <p:cNvGrpSpPr/>
          <p:nvPr/>
        </p:nvGrpSpPr>
        <p:grpSpPr>
          <a:xfrm>
            <a:off x="7536874" y="0"/>
            <a:ext cx="4655126" cy="6858000"/>
            <a:chOff x="7536874" y="0"/>
            <a:chExt cx="4655126" cy="6858000"/>
          </a:xfrm>
          <a:solidFill>
            <a:schemeClr val="bg1"/>
          </a:solidFill>
        </p:grpSpPr>
        <p:sp>
          <p:nvSpPr>
            <p:cNvPr id="3" name="Прямоугольник 2"/>
            <p:cNvSpPr/>
            <p:nvPr/>
          </p:nvSpPr>
          <p:spPr>
            <a:xfrm>
              <a:off x="7938655" y="0"/>
              <a:ext cx="4253345" cy="6858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" name="Равнобедренный треугольник 3"/>
            <p:cNvSpPr/>
            <p:nvPr/>
          </p:nvSpPr>
          <p:spPr>
            <a:xfrm rot="16200000">
              <a:off x="7169728" y="3228108"/>
              <a:ext cx="1136073" cy="401782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8741887" y="2828834"/>
            <a:ext cx="297114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36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Включіть і користуйтеся</a:t>
            </a:r>
          </a:p>
        </p:txBody>
      </p:sp>
      <p:pic>
        <p:nvPicPr>
          <p:cNvPr id="8" name="Рисунок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1149"/>
          <a:stretch/>
        </p:blipFill>
        <p:spPr>
          <a:xfrm rot="21132162">
            <a:off x="-209100" y="1671"/>
            <a:ext cx="7175076" cy="68546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174585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Рисунок 5"/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-100000"/>
                    </a14:imgEffect>
                    <a14:imgEffect>
                      <a14:brightnessContrast bright="12000" contrast="12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88" y="-252984"/>
            <a:ext cx="12232288" cy="7388302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881649" y="2623743"/>
            <a:ext cx="10390799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Кожна людина є потенційним покупцем</a:t>
            </a:r>
          </a:p>
        </p:txBody>
      </p:sp>
    </p:spTree>
    <p:extLst>
      <p:ext uri="{BB962C8B-B14F-4D97-AF65-F5344CB8AC3E}">
        <p14:creationId xmlns:p14="http://schemas.microsoft.com/office/powerpoint/2010/main" val="313659674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9310" y="1034321"/>
            <a:ext cx="4654445" cy="4654445"/>
          </a:xfrm>
          <a:prstGeom prst="rect">
            <a:avLst/>
          </a:prstGeom>
        </p:spPr>
      </p:pic>
      <p:pic>
        <p:nvPicPr>
          <p:cNvPr id="3" name="Рисунок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09150" y="1344118"/>
            <a:ext cx="3810000" cy="3810000"/>
          </a:xfrm>
          <a:prstGeom prst="rect">
            <a:avLst/>
          </a:prstGeom>
        </p:spPr>
      </p:pic>
      <p:sp>
        <p:nvSpPr>
          <p:cNvPr id="10" name="Полилиния 9"/>
          <p:cNvSpPr/>
          <p:nvPr/>
        </p:nvSpPr>
        <p:spPr>
          <a:xfrm rot="2735727">
            <a:off x="1049310" y="921891"/>
            <a:ext cx="4654445" cy="4654445"/>
          </a:xfrm>
          <a:custGeom>
            <a:avLst/>
            <a:gdLst>
              <a:gd name="connsiteX0" fmla="*/ 0 w 4654445"/>
              <a:gd name="connsiteY0" fmla="*/ 1922487 h 4654445"/>
              <a:gd name="connsiteX1" fmla="*/ 1922487 w 4654445"/>
              <a:gd name="connsiteY1" fmla="*/ 1922487 h 4654445"/>
              <a:gd name="connsiteX2" fmla="*/ 1922487 w 4654445"/>
              <a:gd name="connsiteY2" fmla="*/ 1 h 4654445"/>
              <a:gd name="connsiteX3" fmla="*/ 2731956 w 4654445"/>
              <a:gd name="connsiteY3" fmla="*/ 0 h 4654445"/>
              <a:gd name="connsiteX4" fmla="*/ 2731956 w 4654445"/>
              <a:gd name="connsiteY4" fmla="*/ 1922487 h 4654445"/>
              <a:gd name="connsiteX5" fmla="*/ 4654445 w 4654445"/>
              <a:gd name="connsiteY5" fmla="*/ 1922487 h 4654445"/>
              <a:gd name="connsiteX6" fmla="*/ 4654445 w 4654445"/>
              <a:gd name="connsiteY6" fmla="*/ 2731956 h 4654445"/>
              <a:gd name="connsiteX7" fmla="*/ 2731956 w 4654445"/>
              <a:gd name="connsiteY7" fmla="*/ 2731956 h 4654445"/>
              <a:gd name="connsiteX8" fmla="*/ 2731956 w 4654445"/>
              <a:gd name="connsiteY8" fmla="*/ 4654445 h 4654445"/>
              <a:gd name="connsiteX9" fmla="*/ 1922487 w 4654445"/>
              <a:gd name="connsiteY9" fmla="*/ 4654445 h 4654445"/>
              <a:gd name="connsiteX10" fmla="*/ 1922486 w 4654445"/>
              <a:gd name="connsiteY10" fmla="*/ 2731956 h 4654445"/>
              <a:gd name="connsiteX11" fmla="*/ 0 w 4654445"/>
              <a:gd name="connsiteY11" fmla="*/ 2731956 h 46544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654445" h="4654445">
                <a:moveTo>
                  <a:pt x="0" y="1922487"/>
                </a:moveTo>
                <a:lnTo>
                  <a:pt x="1922487" y="1922487"/>
                </a:lnTo>
                <a:lnTo>
                  <a:pt x="1922487" y="1"/>
                </a:lnTo>
                <a:lnTo>
                  <a:pt x="2731956" y="0"/>
                </a:lnTo>
                <a:lnTo>
                  <a:pt x="2731956" y="1922487"/>
                </a:lnTo>
                <a:lnTo>
                  <a:pt x="4654445" y="1922487"/>
                </a:lnTo>
                <a:lnTo>
                  <a:pt x="4654445" y="2731956"/>
                </a:lnTo>
                <a:lnTo>
                  <a:pt x="2731956" y="2731956"/>
                </a:lnTo>
                <a:lnTo>
                  <a:pt x="2731956" y="4654445"/>
                </a:lnTo>
                <a:lnTo>
                  <a:pt x="1922487" y="4654445"/>
                </a:lnTo>
                <a:lnTo>
                  <a:pt x="1922486" y="2731956"/>
                </a:lnTo>
                <a:lnTo>
                  <a:pt x="0" y="2731956"/>
                </a:lnTo>
                <a:close/>
              </a:path>
            </a:pathLst>
          </a:custGeom>
          <a:solidFill>
            <a:srgbClr val="FF0000">
              <a:alpha val="71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Полилиния 10"/>
          <p:cNvSpPr/>
          <p:nvPr/>
        </p:nvSpPr>
        <p:spPr>
          <a:xfrm rot="2735727">
            <a:off x="6586928" y="1034320"/>
            <a:ext cx="4654445" cy="4654445"/>
          </a:xfrm>
          <a:custGeom>
            <a:avLst/>
            <a:gdLst>
              <a:gd name="connsiteX0" fmla="*/ 0 w 4654445"/>
              <a:gd name="connsiteY0" fmla="*/ 1922487 h 4654445"/>
              <a:gd name="connsiteX1" fmla="*/ 1922487 w 4654445"/>
              <a:gd name="connsiteY1" fmla="*/ 1922487 h 4654445"/>
              <a:gd name="connsiteX2" fmla="*/ 1922487 w 4654445"/>
              <a:gd name="connsiteY2" fmla="*/ 1 h 4654445"/>
              <a:gd name="connsiteX3" fmla="*/ 2731956 w 4654445"/>
              <a:gd name="connsiteY3" fmla="*/ 0 h 4654445"/>
              <a:gd name="connsiteX4" fmla="*/ 2731956 w 4654445"/>
              <a:gd name="connsiteY4" fmla="*/ 1922487 h 4654445"/>
              <a:gd name="connsiteX5" fmla="*/ 4654445 w 4654445"/>
              <a:gd name="connsiteY5" fmla="*/ 1922487 h 4654445"/>
              <a:gd name="connsiteX6" fmla="*/ 4654445 w 4654445"/>
              <a:gd name="connsiteY6" fmla="*/ 2731956 h 4654445"/>
              <a:gd name="connsiteX7" fmla="*/ 2731956 w 4654445"/>
              <a:gd name="connsiteY7" fmla="*/ 2731956 h 4654445"/>
              <a:gd name="connsiteX8" fmla="*/ 2731956 w 4654445"/>
              <a:gd name="connsiteY8" fmla="*/ 4654445 h 4654445"/>
              <a:gd name="connsiteX9" fmla="*/ 1922487 w 4654445"/>
              <a:gd name="connsiteY9" fmla="*/ 4654445 h 4654445"/>
              <a:gd name="connsiteX10" fmla="*/ 1922486 w 4654445"/>
              <a:gd name="connsiteY10" fmla="*/ 2731956 h 4654445"/>
              <a:gd name="connsiteX11" fmla="*/ 0 w 4654445"/>
              <a:gd name="connsiteY11" fmla="*/ 2731956 h 46544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654445" h="4654445">
                <a:moveTo>
                  <a:pt x="0" y="1922487"/>
                </a:moveTo>
                <a:lnTo>
                  <a:pt x="1922487" y="1922487"/>
                </a:lnTo>
                <a:lnTo>
                  <a:pt x="1922487" y="1"/>
                </a:lnTo>
                <a:lnTo>
                  <a:pt x="2731956" y="0"/>
                </a:lnTo>
                <a:lnTo>
                  <a:pt x="2731956" y="1922487"/>
                </a:lnTo>
                <a:lnTo>
                  <a:pt x="4654445" y="1922487"/>
                </a:lnTo>
                <a:lnTo>
                  <a:pt x="4654445" y="2731956"/>
                </a:lnTo>
                <a:lnTo>
                  <a:pt x="2731956" y="2731956"/>
                </a:lnTo>
                <a:lnTo>
                  <a:pt x="2731956" y="4654445"/>
                </a:lnTo>
                <a:lnTo>
                  <a:pt x="1922487" y="4654445"/>
                </a:lnTo>
                <a:lnTo>
                  <a:pt x="1922486" y="2731956"/>
                </a:lnTo>
                <a:lnTo>
                  <a:pt x="0" y="2731956"/>
                </a:lnTo>
                <a:close/>
              </a:path>
            </a:pathLst>
          </a:custGeom>
          <a:solidFill>
            <a:srgbClr val="FF0000">
              <a:alpha val="71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TextBox 11"/>
          <p:cNvSpPr txBox="1"/>
          <p:nvPr/>
        </p:nvSpPr>
        <p:spPr>
          <a:xfrm>
            <a:off x="4506638" y="390510"/>
            <a:ext cx="3164649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Конкуренти</a:t>
            </a:r>
          </a:p>
        </p:txBody>
      </p:sp>
    </p:spTree>
    <p:extLst>
      <p:ext uri="{BB962C8B-B14F-4D97-AF65-F5344CB8AC3E}">
        <p14:creationId xmlns:p14="http://schemas.microsoft.com/office/powerpoint/2010/main" val="249696777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pic>
        <p:nvPicPr>
          <p:cNvPr id="11" name="Рисунок 1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315703" y="255309"/>
            <a:ext cx="2941831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uk-UA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 Light" panose="020F0302020204030204"/>
              </a:rPr>
              <a:t>Маркетинг</a:t>
            </a:r>
            <a:endParaRPr lang="uk-UA" sz="4800" b="1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6096000" y="1052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Робота з блогерами та</a:t>
            </a:r>
            <a:r>
              <a:rPr lang="en-US" sz="4000" b="1" dirty="0">
                <a:solidFill>
                  <a:schemeClr val="bg1"/>
                </a:solidFill>
                <a:latin typeface="Calibri Light" panose="020F0302020204030204"/>
              </a:rPr>
              <a:t> </a:t>
            </a: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 журналістами</a:t>
            </a:r>
          </a:p>
        </p:txBody>
      </p:sp>
      <p:pic>
        <p:nvPicPr>
          <p:cNvPr id="8" name="Рисунок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pic>
        <p:nvPicPr>
          <p:cNvPr id="10" name="Рисунок 9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6096000" y="4481780"/>
            <a:ext cx="609600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algn="ctr">
              <a:spcBef>
                <a:spcPts val="1200"/>
              </a:spcBef>
              <a:spcAft>
                <a:spcPts val="1200"/>
              </a:spcAft>
            </a:pPr>
            <a:r>
              <a:rPr lang="uk-UA" sz="4000" b="1" dirty="0">
                <a:solidFill>
                  <a:schemeClr val="bg1"/>
                </a:solidFill>
                <a:latin typeface="Calibri Light" panose="020F0302020204030204"/>
              </a:rPr>
              <a:t>Реклама через </a:t>
            </a:r>
            <a:r>
              <a:rPr lang="en-US" sz="4000" b="1" dirty="0">
                <a:solidFill>
                  <a:schemeClr val="bg1"/>
                </a:solidFill>
                <a:latin typeface="Calibri Light" panose="020F0302020204030204"/>
              </a:rPr>
              <a:t>Google AdWords, Facebook Ads</a:t>
            </a:r>
          </a:p>
        </p:txBody>
      </p:sp>
      <p:pic>
        <p:nvPicPr>
          <p:cNvPr id="12" name="Рисунок 1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1985" y="2733675"/>
            <a:ext cx="4629150" cy="4124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14276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213</TotalTime>
  <Words>112</Words>
  <Application>Microsoft Office PowerPoint</Application>
  <PresentationFormat>Широкоэкранный</PresentationFormat>
  <Paragraphs>44</Paragraphs>
  <Slides>12</Slides>
  <Notes>0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3</vt:i4>
      </vt:variant>
      <vt:variant>
        <vt:lpstr>Тема</vt:lpstr>
      </vt:variant>
      <vt:variant>
        <vt:i4>1</vt:i4>
      </vt:variant>
      <vt:variant>
        <vt:lpstr>Заголовки слайдов</vt:lpstr>
      </vt:variant>
      <vt:variant>
        <vt:i4>12</vt:i4>
      </vt:variant>
    </vt:vector>
  </HeadingPairs>
  <TitlesOfParts>
    <vt:vector size="16" baseType="lpstr">
      <vt:lpstr>Arial</vt:lpstr>
      <vt:lpstr>Calibri</vt:lpstr>
      <vt:lpstr>Calibri Light</vt:lpstr>
      <vt:lpstr>Тема Office</vt:lpstr>
      <vt:lpstr>SmartBin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Федоренко Олексій</dc:creator>
  <cp:lastModifiedBy>Федоренко Олексій</cp:lastModifiedBy>
  <cp:revision>67</cp:revision>
  <dcterms:created xsi:type="dcterms:W3CDTF">2016-03-19T16:47:55Z</dcterms:created>
  <dcterms:modified xsi:type="dcterms:W3CDTF">2016-03-25T07:46:29Z</dcterms:modified>
</cp:coreProperties>
</file>